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高齢者福祉課_20190821\ファイル名変更\"/>
    </mc:Choice>
  </mc:AlternateContent>
  <bookViews>
    <workbookView xWindow="240" yWindow="45" windowWidth="14940" windowHeight="8550"/>
  </bookViews>
  <sheets>
    <sheet name="H30.10.1" sheetId="10" r:id="rId1"/>
  </sheets>
  <definedNames>
    <definedName name="_xlnm._FilterDatabase" localSheetId="0" hidden="1">'H30.10.1'!$I$1:$I$11</definedName>
    <definedName name="_xlnm.Print_Titles" localSheetId="0">'H30.10.1'!$3:$3</definedName>
  </definedNames>
  <calcPr calcId="162913" fullCalcOnLoad="1"/>
</workbook>
</file>

<file path=xl/calcChain.xml><?xml version="1.0" encoding="utf-8"?>
<calcChain xmlns="http://schemas.openxmlformats.org/spreadsheetml/2006/main">
  <c r="H12" i="10" l="1"/>
</calcChain>
</file>

<file path=xl/sharedStrings.xml><?xml version="1.0" encoding="utf-8"?>
<sst xmlns="http://schemas.openxmlformats.org/spreadsheetml/2006/main" count="75" uniqueCount="60">
  <si>
    <t>法人の種別</t>
  </si>
  <si>
    <t>申請者名</t>
  </si>
  <si>
    <t>療養型病床数</t>
  </si>
  <si>
    <t>介護型病床数</t>
  </si>
  <si>
    <t>種別</t>
  </si>
  <si>
    <t>病院</t>
  </si>
  <si>
    <t>医療法人社団</t>
  </si>
  <si>
    <t>診療所</t>
  </si>
  <si>
    <t>安来市荒島町１８１７－１</t>
  </si>
  <si>
    <t>692-0007</t>
  </si>
  <si>
    <t>0854-28-7000　　　　0854-28-7725</t>
  </si>
  <si>
    <t>社団法人</t>
  </si>
  <si>
    <t>日立記念病院</t>
  </si>
  <si>
    <t>0854-22-2180　　　　0854-22-2183</t>
  </si>
  <si>
    <t>地方公共団体</t>
  </si>
  <si>
    <t>0854-54-1122　　　　0854-54-1280</t>
  </si>
  <si>
    <t>個人</t>
  </si>
  <si>
    <t>697-0023</t>
  </si>
  <si>
    <t>浜田市長沢町１４５１</t>
  </si>
  <si>
    <t>0855-23-2150　　　　0855-23-2158</t>
  </si>
  <si>
    <t>島田病院</t>
  </si>
  <si>
    <t>浜田市殿町８３－３０</t>
  </si>
  <si>
    <t>697-0027</t>
  </si>
  <si>
    <t>0855-22-2511　　　　0855-22-3194</t>
  </si>
  <si>
    <t>山崎病院</t>
  </si>
  <si>
    <t>江津市江津町８１３－１</t>
  </si>
  <si>
    <t>0855-52-2816　　　　0855-52-2817</t>
  </si>
  <si>
    <t>益田市遠田町１９１７－２</t>
  </si>
  <si>
    <t>0856-22-3611　　　　0856-22-0407</t>
  </si>
  <si>
    <t>隠岐広域連合</t>
  </si>
  <si>
    <t>西ノ島町美田２０７１－１</t>
  </si>
  <si>
    <t>684-0303</t>
  </si>
  <si>
    <t>08514-7-8211　　　　08514-7-8702</t>
  </si>
  <si>
    <t>電話（上段）　　　　FAX（下段）</t>
    <rPh sb="3" eb="5">
      <t>ジョウダン</t>
    </rPh>
    <rPh sb="14" eb="16">
      <t>ゲダン</t>
    </rPh>
    <phoneticPr fontId="2"/>
  </si>
  <si>
    <t>奥出雲町</t>
    <rPh sb="0" eb="1">
      <t>オク</t>
    </rPh>
    <rPh sb="1" eb="3">
      <t>イズモ</t>
    </rPh>
    <phoneticPr fontId="2"/>
  </si>
  <si>
    <t>町立奥出雲病院</t>
    <rPh sb="0" eb="2">
      <t>チョウリツ</t>
    </rPh>
    <rPh sb="2" eb="3">
      <t>オク</t>
    </rPh>
    <rPh sb="3" eb="5">
      <t>イズモ</t>
    </rPh>
    <phoneticPr fontId="2"/>
  </si>
  <si>
    <t>圏域</t>
  </si>
  <si>
    <t>事業所名</t>
  </si>
  <si>
    <t>郵便番号</t>
  </si>
  <si>
    <t>所在地</t>
  </si>
  <si>
    <t>安来</t>
  </si>
  <si>
    <t>692-0011</t>
  </si>
  <si>
    <t>雲南</t>
  </si>
  <si>
    <t>浜田</t>
  </si>
  <si>
    <t>695-0011</t>
  </si>
  <si>
    <t>益田</t>
  </si>
  <si>
    <t>隠岐</t>
  </si>
  <si>
    <t>699-1511</t>
  </si>
  <si>
    <t>699-3676</t>
  </si>
  <si>
    <t>医療法人社団
日立記念病院</t>
    <phoneticPr fontId="2"/>
  </si>
  <si>
    <t>神在坂クリニック
大橋整形外科医院</t>
    <phoneticPr fontId="2"/>
  </si>
  <si>
    <t>益田地域医療センター
医師会病院
介護療養型医療施設</t>
    <phoneticPr fontId="2"/>
  </si>
  <si>
    <t>隠岐広域連合立
隠岐島前病院</t>
    <phoneticPr fontId="2"/>
  </si>
  <si>
    <t>安来市安来町１２７８－５</t>
    <phoneticPr fontId="2"/>
  </si>
  <si>
    <t>奥出雲町三成１６２２－１</t>
    <rPh sb="0" eb="1">
      <t>オク</t>
    </rPh>
    <rPh sb="1" eb="4">
      <t>イズモチョウ</t>
    </rPh>
    <phoneticPr fontId="2"/>
  </si>
  <si>
    <t>医療法人　明誠会</t>
    <rPh sb="0" eb="2">
      <t>イリョウ</t>
    </rPh>
    <rPh sb="2" eb="4">
      <t>ホウジン</t>
    </rPh>
    <rPh sb="5" eb="7">
      <t>メイセイ</t>
    </rPh>
    <rPh sb="7" eb="8">
      <t>カイ</t>
    </rPh>
    <phoneticPr fontId="2"/>
  </si>
  <si>
    <t>医療法人</t>
    <phoneticPr fontId="2"/>
  </si>
  <si>
    <t>公益社団法人
益田市医師会</t>
    <rPh sb="0" eb="2">
      <t>コウエキ</t>
    </rPh>
    <phoneticPr fontId="2"/>
  </si>
  <si>
    <t>白根医院</t>
    <rPh sb="0" eb="2">
      <t>シラネ</t>
    </rPh>
    <rPh sb="2" eb="4">
      <t>イイン</t>
    </rPh>
    <phoneticPr fontId="2"/>
  </si>
  <si>
    <t>介護療養型医療施設一覧（平成31年4月1日現在）</t>
    <rPh sb="0" eb="2">
      <t>カイゴ</t>
    </rPh>
    <rPh sb="2" eb="4">
      <t>リョウヨウ</t>
    </rPh>
    <rPh sb="4" eb="5">
      <t>ガタ</t>
    </rPh>
    <rPh sb="5" eb="7">
      <t>イリョウ</t>
    </rPh>
    <rPh sb="7" eb="9">
      <t>シセツ</t>
    </rPh>
    <rPh sb="9" eb="11">
      <t>イチラン</t>
    </rPh>
    <rPh sb="12" eb="14">
      <t>ヘイセイ</t>
    </rPh>
    <rPh sb="16" eb="17">
      <t>ネン</t>
    </rPh>
    <rPh sb="18" eb="19">
      <t>ガツ</t>
    </rPh>
    <rPh sb="20" eb="21">
      <t>ニチ</t>
    </rPh>
    <rPh sb="21" eb="23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sz val="16"/>
      <name val="ＭＳ Ｐゴシック"/>
      <family val="3"/>
      <charset val="128"/>
    </font>
    <font>
      <sz val="12"/>
      <name val="Times New Roman"/>
      <family val="1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64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 style="thin">
        <color indexed="8"/>
      </right>
      <top style="thin">
        <color indexed="64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64"/>
      </top>
      <bottom style="thin">
        <color indexed="8"/>
      </bottom>
      <diagonal/>
    </border>
    <border>
      <left style="thin">
        <color indexed="8"/>
      </left>
      <right style="thin">
        <color indexed="64"/>
      </right>
      <top style="thin">
        <color indexed="64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64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64"/>
      </right>
      <top style="thin">
        <color indexed="8"/>
      </top>
      <bottom style="thin">
        <color indexed="64"/>
      </bottom>
      <diagonal/>
    </border>
    <border>
      <left style="thin">
        <color indexed="8"/>
      </left>
      <right style="thin">
        <color indexed="64"/>
      </right>
      <top/>
      <bottom style="thin">
        <color indexed="8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35">
    <xf numFmtId="0" fontId="0" fillId="0" borderId="0" xfId="0">
      <alignment vertical="center"/>
    </xf>
    <xf numFmtId="0" fontId="1" fillId="0" borderId="0" xfId="1" applyFont="1" applyFill="1"/>
    <xf numFmtId="0" fontId="5" fillId="0" borderId="0" xfId="1" applyFont="1" applyFill="1"/>
    <xf numFmtId="0" fontId="1" fillId="0" borderId="0" xfId="1" applyFill="1"/>
    <xf numFmtId="0" fontId="3" fillId="0" borderId="1" xfId="1" applyFont="1" applyFill="1" applyBorder="1" applyAlignment="1" applyProtection="1">
      <alignment horizontal="center" vertical="center"/>
    </xf>
    <xf numFmtId="0" fontId="3" fillId="0" borderId="2" xfId="1" applyFont="1" applyFill="1" applyBorder="1" applyAlignment="1" applyProtection="1">
      <alignment horizontal="left" vertical="center" wrapText="1"/>
    </xf>
    <xf numFmtId="0" fontId="6" fillId="0" borderId="2" xfId="1" applyFont="1" applyFill="1" applyBorder="1" applyAlignment="1" applyProtection="1">
      <alignment horizontal="center" vertical="center" wrapText="1"/>
    </xf>
    <xf numFmtId="0" fontId="3" fillId="0" borderId="2" xfId="1" applyFont="1" applyFill="1" applyBorder="1" applyAlignment="1" applyProtection="1">
      <alignment horizontal="center" vertical="center" wrapText="1"/>
    </xf>
    <xf numFmtId="0" fontId="4" fillId="0" borderId="1" xfId="1" applyFont="1" applyFill="1" applyBorder="1" applyAlignment="1" applyProtection="1">
      <alignment horizontal="center" vertical="center" wrapText="1"/>
    </xf>
    <xf numFmtId="0" fontId="6" fillId="0" borderId="2" xfId="1" applyFont="1" applyFill="1" applyBorder="1" applyAlignment="1" applyProtection="1">
      <alignment horizontal="center" vertical="center"/>
    </xf>
    <xf numFmtId="0" fontId="3" fillId="0" borderId="2" xfId="1" applyFont="1" applyFill="1" applyBorder="1" applyAlignment="1" applyProtection="1">
      <alignment horizontal="center" vertical="center"/>
    </xf>
    <xf numFmtId="0" fontId="4" fillId="0" borderId="1" xfId="1" applyFont="1" applyFill="1" applyBorder="1" applyAlignment="1" applyProtection="1">
      <alignment horizontal="center" vertical="center"/>
    </xf>
    <xf numFmtId="0" fontId="3" fillId="0" borderId="3" xfId="1" applyFont="1" applyFill="1" applyBorder="1" applyAlignment="1" applyProtection="1">
      <alignment horizontal="center" vertical="center"/>
    </xf>
    <xf numFmtId="0" fontId="3" fillId="0" borderId="4" xfId="1" applyFont="1" applyFill="1" applyBorder="1" applyAlignment="1" applyProtection="1">
      <alignment horizontal="left" vertical="center" wrapText="1"/>
    </xf>
    <xf numFmtId="0" fontId="6" fillId="0" borderId="4" xfId="1" applyFont="1" applyFill="1" applyBorder="1" applyAlignment="1" applyProtection="1">
      <alignment horizontal="center" vertical="center" wrapText="1"/>
    </xf>
    <xf numFmtId="0" fontId="3" fillId="0" borderId="4" xfId="1" applyFont="1" applyFill="1" applyBorder="1" applyAlignment="1" applyProtection="1">
      <alignment horizontal="center" vertical="center" wrapText="1"/>
    </xf>
    <xf numFmtId="0" fontId="4" fillId="0" borderId="3" xfId="1" applyFont="1" applyFill="1" applyBorder="1" applyAlignment="1" applyProtection="1">
      <alignment horizontal="center" vertical="center" wrapText="1"/>
    </xf>
    <xf numFmtId="0" fontId="3" fillId="0" borderId="5" xfId="1" applyFont="1" applyFill="1" applyBorder="1" applyAlignment="1" applyProtection="1">
      <alignment horizontal="center" vertical="center"/>
    </xf>
    <xf numFmtId="0" fontId="3" fillId="0" borderId="6" xfId="1" applyFont="1" applyFill="1" applyBorder="1" applyAlignment="1" applyProtection="1">
      <alignment horizontal="left" vertical="center" wrapText="1"/>
    </xf>
    <xf numFmtId="0" fontId="6" fillId="0" borderId="6" xfId="1" applyFont="1" applyFill="1" applyBorder="1" applyAlignment="1" applyProtection="1">
      <alignment horizontal="center" vertical="center" wrapText="1"/>
    </xf>
    <xf numFmtId="0" fontId="3" fillId="0" borderId="6" xfId="1" applyFont="1" applyFill="1" applyBorder="1" applyAlignment="1" applyProtection="1">
      <alignment horizontal="center" vertical="center" wrapText="1"/>
    </xf>
    <xf numFmtId="0" fontId="4" fillId="0" borderId="5" xfId="1" applyFont="1" applyFill="1" applyBorder="1" applyAlignment="1" applyProtection="1">
      <alignment horizontal="center" vertical="center" wrapText="1"/>
    </xf>
    <xf numFmtId="0" fontId="4" fillId="0" borderId="0" xfId="1" applyFont="1" applyFill="1" applyBorder="1" applyAlignment="1">
      <alignment horizontal="center"/>
    </xf>
    <xf numFmtId="0" fontId="3" fillId="0" borderId="0" xfId="1" applyFont="1" applyFill="1" applyAlignment="1">
      <alignment horizontal="center"/>
    </xf>
    <xf numFmtId="0" fontId="1" fillId="0" borderId="7" xfId="1" applyFont="1" applyFill="1" applyBorder="1"/>
    <xf numFmtId="0" fontId="3" fillId="0" borderId="8" xfId="1" applyFont="1" applyFill="1" applyBorder="1" applyAlignment="1" applyProtection="1">
      <alignment horizontal="center" vertical="center" wrapText="1"/>
    </xf>
    <xf numFmtId="0" fontId="3" fillId="0" borderId="9" xfId="1" applyFont="1" applyFill="1" applyBorder="1" applyAlignment="1" applyProtection="1">
      <alignment horizontal="center" vertical="center" wrapText="1"/>
    </xf>
    <xf numFmtId="0" fontId="3" fillId="0" borderId="10" xfId="1" applyFont="1" applyFill="1" applyBorder="1" applyAlignment="1">
      <alignment horizontal="center" vertical="center" wrapText="1"/>
    </xf>
    <xf numFmtId="0" fontId="4" fillId="0" borderId="11" xfId="1" applyFont="1" applyFill="1" applyBorder="1" applyAlignment="1">
      <alignment horizontal="center" vertical="center"/>
    </xf>
    <xf numFmtId="0" fontId="4" fillId="0" borderId="12" xfId="1" applyFont="1" applyFill="1" applyBorder="1" applyAlignment="1">
      <alignment horizontal="center" vertical="center" wrapText="1"/>
    </xf>
    <xf numFmtId="0" fontId="4" fillId="0" borderId="13" xfId="1" applyFont="1" applyFill="1" applyBorder="1" applyAlignment="1">
      <alignment horizontal="center" vertical="center" wrapText="1"/>
    </xf>
    <xf numFmtId="0" fontId="4" fillId="0" borderId="14" xfId="1" applyFont="1" applyFill="1" applyBorder="1" applyAlignment="1">
      <alignment horizontal="center" vertical="center" wrapText="1"/>
    </xf>
    <xf numFmtId="0" fontId="6" fillId="0" borderId="4" xfId="1" applyFont="1" applyFill="1" applyBorder="1" applyAlignment="1" applyProtection="1">
      <alignment horizontal="center" vertical="center"/>
    </xf>
    <xf numFmtId="0" fontId="3" fillId="0" borderId="4" xfId="1" applyFont="1" applyFill="1" applyBorder="1" applyAlignment="1" applyProtection="1">
      <alignment horizontal="center" vertical="center"/>
    </xf>
    <xf numFmtId="0" fontId="4" fillId="0" borderId="3" xfId="1" applyFont="1" applyFill="1" applyBorder="1" applyAlignment="1" applyProtection="1">
      <alignment horizontal="center" vertical="center"/>
    </xf>
  </cellXfs>
  <cellStyles count="2">
    <cellStyle name="標準" xfId="0" builtinId="0"/>
    <cellStyle name="標準_ryouyougata0601" xfId="1"/>
  </cellStyles>
  <dxfs count="6"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15"/>
  <sheetViews>
    <sheetView tabSelected="1" view="pageBreakPreview" zoomScale="75" zoomScaleNormal="75" zoomScaleSheetLayoutView="75" workbookViewId="0"/>
  </sheetViews>
  <sheetFormatPr defaultRowHeight="13.5" x14ac:dyDescent="0.15"/>
  <cols>
    <col min="1" max="1" width="5.5" style="1" customWidth="1"/>
    <col min="2" max="2" width="5.625" style="1" customWidth="1"/>
    <col min="3" max="3" width="15.875" style="1" customWidth="1"/>
    <col min="4" max="4" width="23.5" style="1" customWidth="1"/>
    <col min="5" max="5" width="25.25" style="1" customWidth="1"/>
    <col min="6" max="6" width="30.375" style="1" customWidth="1"/>
    <col min="7" max="7" width="3.75" style="3" hidden="1" customWidth="1"/>
    <col min="8" max="8" width="6.5" style="1" customWidth="1"/>
    <col min="9" max="9" width="9.625" style="1" customWidth="1"/>
    <col min="10" max="10" width="11.5" style="1" customWidth="1"/>
    <col min="11" max="11" width="17.125" style="1" customWidth="1"/>
    <col min="12" max="16384" width="9" style="1"/>
  </cols>
  <sheetData>
    <row r="1" spans="1:11" ht="27" customHeight="1" x14ac:dyDescent="0.2">
      <c r="B1" s="2" t="s">
        <v>59</v>
      </c>
    </row>
    <row r="3" spans="1:11" ht="45" customHeight="1" x14ac:dyDescent="0.15">
      <c r="A3" s="24"/>
      <c r="B3" s="25" t="s">
        <v>36</v>
      </c>
      <c r="C3" s="26" t="s">
        <v>0</v>
      </c>
      <c r="D3" s="26" t="s">
        <v>1</v>
      </c>
      <c r="E3" s="26" t="s">
        <v>37</v>
      </c>
      <c r="F3" s="26" t="s">
        <v>39</v>
      </c>
      <c r="G3" s="26" t="s">
        <v>2</v>
      </c>
      <c r="H3" s="26" t="s">
        <v>3</v>
      </c>
      <c r="I3" s="26" t="s">
        <v>4</v>
      </c>
      <c r="J3" s="25" t="s">
        <v>38</v>
      </c>
      <c r="K3" s="27" t="s">
        <v>33</v>
      </c>
    </row>
    <row r="4" spans="1:11" s="3" customFormat="1" ht="53.25" customHeight="1" x14ac:dyDescent="0.15">
      <c r="A4" s="28">
        <v>1</v>
      </c>
      <c r="B4" s="4" t="s">
        <v>40</v>
      </c>
      <c r="C4" s="5" t="s">
        <v>56</v>
      </c>
      <c r="D4" s="5" t="s">
        <v>55</v>
      </c>
      <c r="E4" s="5" t="s">
        <v>58</v>
      </c>
      <c r="F4" s="5" t="s">
        <v>8</v>
      </c>
      <c r="G4" s="6">
        <v>15</v>
      </c>
      <c r="H4" s="7">
        <v>12</v>
      </c>
      <c r="I4" s="7" t="s">
        <v>7</v>
      </c>
      <c r="J4" s="8" t="s">
        <v>9</v>
      </c>
      <c r="K4" s="29" t="s">
        <v>10</v>
      </c>
    </row>
    <row r="5" spans="1:11" ht="53.25" customHeight="1" x14ac:dyDescent="0.15">
      <c r="A5" s="28">
        <v>2</v>
      </c>
      <c r="B5" s="4" t="s">
        <v>40</v>
      </c>
      <c r="C5" s="5" t="s">
        <v>6</v>
      </c>
      <c r="D5" s="5" t="s">
        <v>49</v>
      </c>
      <c r="E5" s="5" t="s">
        <v>12</v>
      </c>
      <c r="F5" s="5" t="s">
        <v>53</v>
      </c>
      <c r="G5" s="6">
        <v>31</v>
      </c>
      <c r="H5" s="7">
        <v>16</v>
      </c>
      <c r="I5" s="7" t="s">
        <v>5</v>
      </c>
      <c r="J5" s="8" t="s">
        <v>41</v>
      </c>
      <c r="K5" s="29" t="s">
        <v>13</v>
      </c>
    </row>
    <row r="6" spans="1:11" ht="53.25" customHeight="1" x14ac:dyDescent="0.15">
      <c r="A6" s="28">
        <v>3</v>
      </c>
      <c r="B6" s="4" t="s">
        <v>42</v>
      </c>
      <c r="C6" s="5" t="s">
        <v>14</v>
      </c>
      <c r="D6" s="5" t="s">
        <v>34</v>
      </c>
      <c r="E6" s="5" t="s">
        <v>35</v>
      </c>
      <c r="F6" s="5" t="s">
        <v>54</v>
      </c>
      <c r="G6" s="9">
        <v>46</v>
      </c>
      <c r="H6" s="10">
        <v>14</v>
      </c>
      <c r="I6" s="7" t="s">
        <v>5</v>
      </c>
      <c r="J6" s="11" t="s">
        <v>47</v>
      </c>
      <c r="K6" s="29" t="s">
        <v>15</v>
      </c>
    </row>
    <row r="7" spans="1:11" s="3" customFormat="1" ht="53.25" customHeight="1" x14ac:dyDescent="0.15">
      <c r="A7" s="28">
        <v>4</v>
      </c>
      <c r="B7" s="4" t="s">
        <v>43</v>
      </c>
      <c r="C7" s="5" t="s">
        <v>16</v>
      </c>
      <c r="D7" s="5" t="s">
        <v>50</v>
      </c>
      <c r="E7" s="5" t="s">
        <v>50</v>
      </c>
      <c r="F7" s="5" t="s">
        <v>18</v>
      </c>
      <c r="G7" s="6">
        <v>12</v>
      </c>
      <c r="H7" s="7">
        <v>12</v>
      </c>
      <c r="I7" s="7" t="s">
        <v>7</v>
      </c>
      <c r="J7" s="8" t="s">
        <v>17</v>
      </c>
      <c r="K7" s="29" t="s">
        <v>19</v>
      </c>
    </row>
    <row r="8" spans="1:11" ht="53.25" customHeight="1" x14ac:dyDescent="0.15">
      <c r="A8" s="28">
        <v>5</v>
      </c>
      <c r="B8" s="12" t="s">
        <v>43</v>
      </c>
      <c r="C8" s="13" t="s">
        <v>16</v>
      </c>
      <c r="D8" s="13" t="s">
        <v>20</v>
      </c>
      <c r="E8" s="13" t="s">
        <v>20</v>
      </c>
      <c r="F8" s="13" t="s">
        <v>21</v>
      </c>
      <c r="G8" s="14">
        <v>60</v>
      </c>
      <c r="H8" s="15">
        <v>32</v>
      </c>
      <c r="I8" s="15" t="s">
        <v>5</v>
      </c>
      <c r="J8" s="16" t="s">
        <v>22</v>
      </c>
      <c r="K8" s="30" t="s">
        <v>23</v>
      </c>
    </row>
    <row r="9" spans="1:11" ht="53.25" customHeight="1" x14ac:dyDescent="0.15">
      <c r="A9" s="28">
        <v>6</v>
      </c>
      <c r="B9" s="17" t="s">
        <v>43</v>
      </c>
      <c r="C9" s="18" t="s">
        <v>16</v>
      </c>
      <c r="D9" s="18" t="s">
        <v>24</v>
      </c>
      <c r="E9" s="18" t="s">
        <v>24</v>
      </c>
      <c r="F9" s="18" t="s">
        <v>25</v>
      </c>
      <c r="G9" s="19">
        <v>47</v>
      </c>
      <c r="H9" s="20">
        <v>29</v>
      </c>
      <c r="I9" s="20" t="s">
        <v>5</v>
      </c>
      <c r="J9" s="21" t="s">
        <v>44</v>
      </c>
      <c r="K9" s="31" t="s">
        <v>26</v>
      </c>
    </row>
    <row r="10" spans="1:11" ht="53.25" customHeight="1" x14ac:dyDescent="0.15">
      <c r="A10" s="28">
        <v>7</v>
      </c>
      <c r="B10" s="4" t="s">
        <v>45</v>
      </c>
      <c r="C10" s="5" t="s">
        <v>11</v>
      </c>
      <c r="D10" s="5" t="s">
        <v>57</v>
      </c>
      <c r="E10" s="5" t="s">
        <v>51</v>
      </c>
      <c r="F10" s="5" t="s">
        <v>27</v>
      </c>
      <c r="G10" s="9">
        <v>88</v>
      </c>
      <c r="H10" s="10">
        <v>44</v>
      </c>
      <c r="I10" s="7" t="s">
        <v>5</v>
      </c>
      <c r="J10" s="11" t="s">
        <v>48</v>
      </c>
      <c r="K10" s="29" t="s">
        <v>28</v>
      </c>
    </row>
    <row r="11" spans="1:11" ht="53.25" customHeight="1" x14ac:dyDescent="0.15">
      <c r="A11" s="28">
        <v>8</v>
      </c>
      <c r="B11" s="12" t="s">
        <v>46</v>
      </c>
      <c r="C11" s="13" t="s">
        <v>14</v>
      </c>
      <c r="D11" s="13" t="s">
        <v>29</v>
      </c>
      <c r="E11" s="13" t="s">
        <v>52</v>
      </c>
      <c r="F11" s="13" t="s">
        <v>30</v>
      </c>
      <c r="G11" s="32">
        <v>24</v>
      </c>
      <c r="H11" s="33">
        <v>16</v>
      </c>
      <c r="I11" s="15" t="s">
        <v>5</v>
      </c>
      <c r="J11" s="34" t="s">
        <v>31</v>
      </c>
      <c r="K11" s="30" t="s">
        <v>32</v>
      </c>
    </row>
    <row r="12" spans="1:11" ht="22.5" customHeight="1" x14ac:dyDescent="0.2">
      <c r="A12" s="22"/>
      <c r="H12" s="23">
        <f>SUM(H4:H11)</f>
        <v>175</v>
      </c>
    </row>
    <row r="13" spans="1:11" x14ac:dyDescent="0.15">
      <c r="F13" s="3"/>
      <c r="G13" s="1"/>
    </row>
    <row r="14" spans="1:11" x14ac:dyDescent="0.15">
      <c r="F14" s="3"/>
      <c r="G14" s="1"/>
    </row>
    <row r="15" spans="1:11" x14ac:dyDescent="0.15">
      <c r="F15" s="3"/>
      <c r="G15" s="1"/>
    </row>
  </sheetData>
  <phoneticPr fontId="2"/>
  <conditionalFormatting sqref="B10:C11">
    <cfRule type="expression" dxfId="5" priority="2" stopIfTrue="1">
      <formula>IF($B22="廃止",1,0)</formula>
    </cfRule>
  </conditionalFormatting>
  <conditionalFormatting sqref="B8:C9">
    <cfRule type="expression" dxfId="4" priority="1" stopIfTrue="1">
      <formula>IF($B16="廃止",1,0)</formula>
    </cfRule>
  </conditionalFormatting>
  <conditionalFormatting sqref="D7:E11">
    <cfRule type="expression" dxfId="3" priority="3" stopIfTrue="1">
      <formula>IF($B7="廃止",1,0)</formula>
    </cfRule>
  </conditionalFormatting>
  <conditionalFormatting sqref="B7:C7">
    <cfRule type="expression" dxfId="2" priority="4" stopIfTrue="1">
      <formula>IF(#REF!="廃止",1,0)</formula>
    </cfRule>
  </conditionalFormatting>
  <conditionalFormatting sqref="B6:E6">
    <cfRule type="expression" dxfId="1" priority="6" stopIfTrue="1">
      <formula>IF(#REF!="廃止",1,0)</formula>
    </cfRule>
  </conditionalFormatting>
  <conditionalFormatting sqref="B4:E5">
    <cfRule type="expression" dxfId="0" priority="8" stopIfTrue="1">
      <formula>IF(#REF!="廃止",1,0)</formula>
    </cfRule>
  </conditionalFormatting>
  <pageMargins left="0.51181102362204722" right="0.31496062992125984" top="0.62992125984251968" bottom="0.62992125984251968" header="0.47244094488188976" footer="0.47244094488188976"/>
  <pageSetup paperSize="9" scale="64" fitToHeight="0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H30.10.1</vt:lpstr>
      <vt:lpstr>H30.10.1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</dc:creator>
  <cp:lastModifiedBy>Windows ユーザー</cp:lastModifiedBy>
  <cp:lastPrinted>2018-11-12T08:41:17Z</cp:lastPrinted>
  <dcterms:created xsi:type="dcterms:W3CDTF">2007-09-28T04:21:22Z</dcterms:created>
  <dcterms:modified xsi:type="dcterms:W3CDTF">2019-08-21T05:15:05Z</dcterms:modified>
</cp:coreProperties>
</file>